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6. Renátka\617_2021 EKG papier\02. Príprava\05. PTK\01. Odoslanie PTK\"/>
    </mc:Choice>
  </mc:AlternateContent>
  <bookViews>
    <workbookView xWindow="0" yWindow="0" windowWidth="23040" windowHeight="9195"/>
  </bookViews>
  <sheets>
    <sheet name="Cenová ponuka" sheetId="8" r:id="rId1"/>
  </sheets>
  <definedNames>
    <definedName name="_xlnm.Print_Area" localSheetId="0">'Cenová ponuka'!$B$1:$F$10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0" uniqueCount="127">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6.</t>
  </si>
  <si>
    <t>17.</t>
  </si>
  <si>
    <t>18.</t>
  </si>
  <si>
    <t>19.</t>
  </si>
  <si>
    <t>20.</t>
  </si>
  <si>
    <t xml:space="preserve">1.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xxx</t>
  </si>
  <si>
    <t>Požaduje sa dodanie tovaru:</t>
  </si>
  <si>
    <t>v pracovných dňoch (do termínu sa nezapočítavajú dni pracovného voľna, pracovného pokoja a štátne sviatky),</t>
  </si>
  <si>
    <t>v čase od 07:00 hod. do 14:00 hod.,</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akceptovať, že platba za plnenie sa realizuje výlučne bezhotovostným platobným stykom na základe faktúry doručenej dodávateľom, a to vždy za riadne a včas poskytnuté plnenie. Objednávateľ je povinný zaslať faktúru elektronicky na e-mailovú adresu: podatelna@vusch.sk . Za deň splnenia peňažného záväzku sa považuje deň odpísania dlžnej sumy z účtu kupujúceho v prospech účtu predávajúceho.</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tejto rámcovej dohody.</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mena názvu tovaru a pod.).</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33140000-3   Zdravotnícky spotrebný materiál</t>
  </si>
  <si>
    <t>3.1</t>
  </si>
  <si>
    <t>3.2</t>
  </si>
  <si>
    <t>3.3</t>
  </si>
  <si>
    <t>3.4</t>
  </si>
  <si>
    <t>3.5</t>
  </si>
  <si>
    <t>EKG papier</t>
  </si>
  <si>
    <t>skladaný papier</t>
  </si>
  <si>
    <t>rozmery 210 x 295 mm</t>
  </si>
  <si>
    <t>1 balenie 150 listov</t>
  </si>
  <si>
    <t xml:space="preserve">kompatibilný s prístrojovou technikou </t>
  </si>
  <si>
    <t xml:space="preserve">vhodný do EKG prístrojov:  </t>
  </si>
  <si>
    <t>Mac 1100</t>
  </si>
  <si>
    <t>Mac 1200</t>
  </si>
  <si>
    <t>Mac 1600</t>
  </si>
  <si>
    <t>Mac 2000</t>
  </si>
  <si>
    <t>Položka č. 1 - EKG papier</t>
  </si>
  <si>
    <r>
      <t xml:space="preserve">Požaduje sa uzatvorenie rámcovej dohody na zmluvné obdobie tridsiatich šiestich (36) kalendárnych mesiacov, resp. do doby naplnenia zmluvného finančného objemu podľa toho, ktorá z uvedených skutočností </t>
    </r>
    <r>
      <rPr>
        <sz val="10"/>
        <color theme="1"/>
        <rFont val="Arial"/>
        <family val="2"/>
        <charset val="238"/>
      </rPr>
      <t xml:space="preserve">nastane skôr. </t>
    </r>
  </si>
  <si>
    <t xml:space="preserve">Požaduje sa poskytovanie plnenia vo viacerých ucelených častiach, a to na základe písomných čiastkových výziev  objednávateľa (ďalej len "objednávka") s periodicitou a v minimálnych objemoch podľa jeho aktuálnych prevádzkových potrieb. </t>
  </si>
  <si>
    <r>
      <t xml:space="preserve">do </t>
    </r>
    <r>
      <rPr>
        <sz val="10"/>
        <color rgb="FF000000"/>
        <rFont val="Arial"/>
        <family val="2"/>
        <charset val="238"/>
      </rPr>
      <t>piatich (5) kalendárnych dní od doručenia písomnej objednávky dodávateľovi, pokiaľ sa zmluvné strany nedohodnú inak,</t>
    </r>
  </si>
  <si>
    <t>na dohodnuté miesto plnenia a zodpovednej osobe objednávateľa (podrobnosti o mieste plnenia a zodpovednej osobe objednávateľa budú dodávateľovi upresnené bezprostredne po účinnosti rámcovej dohody),</t>
  </si>
  <si>
    <t>Požaduje sa v zmysle § 340b ods. 5 zákona č. 513/1991 Z. z. Obchodného zákonníka v znení neskorších predpisov splatnosť faktúry v lehote šesťdesiatich (60) kalendárnych dní odo dňa jej doručenia objednávateľovi.</t>
  </si>
  <si>
    <t>Dodávateľ je povinný vystaviť faktúru za dodávku tovaru v súlade s ustanovením §73 zákona č. 222/2004 Z. z. o dani z pridanej hodnoty, najneskôr však do piateho (5) pracovného dňa v mesiaci, nasledujúceho po mesiaci, v ktorom došlo k dodaniu tovaru podľa uzatvorenej rámcovej dohody. 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V prípade, ak sa po uzatvorení rámcovej dohody preukáže, že na relevantnom trhu existuje cena (ďalej tiež ako "nižšia cena") za rovnaké alebo porovnateľné plnenie ako je obsiahnuté v uzatvorenej rámcovej dohode a dodávateľ už preukázateľne v minulosti za takúto nižšiu cenu plnenie poskytol, resp. ešte stále poskytuje, pričom rozdiel medzi nižšou cenou a cenou podľa uzatvorenej rámcovej dohody je viac ako 5% v neprospech ceny podľa uzatvorenej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piatich (5) pracovných dní od preukázania skutočnosti uvedenej v predchádzajúcej vete, doručiť objednávateľovi dodatok, predmetom ktorého bude upravená cena zistená podľa bodu 9. týchto zmluvných podmienok.</t>
  </si>
  <si>
    <t>9.1</t>
  </si>
  <si>
    <t>V prípade, ak počas platnosti rámcovej dohody bude ukončená výroba niektorého z druhov tovaru, je dodávateľ povinný ponúknuť objednávateľovi plne funkčný tovar s rovnakými, resp. vyššími parametrami a vlastnosťami, aké mal tovar, ktorého výroba bola ukončená (ďalej len "náhradný tovar"). Táto skutočnosť musí byť doložená oficiálnym vyhlásením výrobcu. Cena náhradného tovaru nesmie byť vyššia ako cena pôvodného tovaru, ktorého výroba bola ukončená. Ak trhová cena náhradného tovaru bude v danom období nižšia ako cena pôvodného tovaru, platí spôsob určenia ceny uvedený v predchádzajúcom bode.</t>
  </si>
  <si>
    <t>V prípade, ak nastane skutočnosť uvedené v bode 10. je dodávateľ povinný pred prvou dodávkou každého náhradného druhu tovaru doručiť objednávateľovi prospektový materiál a zároveň doručiť návrh dodatku, ktorého predmetom bude zmena rozsahu plnenia vrátane aktualizovaného štruktúrovaného rozpočtu ceny predmetu zákazky.</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8. - 11. týchto zmluvných podmienok.</t>
  </si>
  <si>
    <t>Zmluvné strany sa dohodli, že sú zbavené zodpovednosti za čiastočné alebo úplné neplnenie zmluvných povinností podľa tohto zmluvného vzťahu v prípade, že toto neplnenie je v dôsledku vyššej moci. Pre účely tohto zmluvného vzťahu sa za vyššiu moc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vyššiu moc, je povinná to oznámiť druhej zmluvnej strane najneskôr do 5 (piatich) kalendárnych dní od vzniku tejto skutočnosti a môže požiadať o prípadnú úpravu podmienok zmluvy. Na požiadanie zmluvnej strany, ktorej boli avizované okolnosti vyššej moci, je povinný oznamovateľ predložiť hodnoverný dôkaz. ak nedôjde k dohode, má zmluvná strana, ktorá sa odvolala na vyššiu moc, právo odstúpiť od tejto zmluvy. Účinky odstúpenia nastanú dňom doručenia oznámenia druhej zmluvnej strane.</t>
  </si>
  <si>
    <t>Požaduje sa akceptovať záväzok dodávateľa dodržiavať etické zásady objednávateľa uvedené v Etickom kódexe obchodných partnerov spoločnosti Východoslovenský ústav srdcových a cievnych chorôb, a. s. (ďalej len "Etický kódex") zverejnený na webovom sídle objednávateľa www.vusch.sk, pričom v prípade zistenia, že dodávateľ Etický kódex porušuje, je objednávateľ oprávnený zmluvu v 1-mesačnej výpovednej lehote vypovedať. Výpovedná lehota začne plynúť 1. kalendárnym dňom mesiaca, nasledujúcom po mesiaci, v ktorom bola písomná výpoveď objednávateľa doručená dodávateľovi a skončí sa uplynutím posledného dňa príslušného kalendárneho mesiaca.</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 j. krajina kde bol tovar vyrobený).</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 xml:space="preserve">EKG papier   </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3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bottom style="thin">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right style="medium">
        <color indexed="64"/>
      </right>
      <top style="thin">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style="thin">
        <color auto="1"/>
      </left>
      <right style="thin">
        <color auto="1"/>
      </right>
      <top style="thin">
        <color auto="1"/>
      </top>
      <bottom/>
      <diagonal/>
    </border>
    <border>
      <left style="medium">
        <color auto="1"/>
      </left>
      <right/>
      <top/>
      <bottom/>
      <diagonal/>
    </border>
    <border>
      <left/>
      <right style="thin">
        <color auto="1"/>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36">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8" xfId="0" applyNumberFormat="1"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5" xfId="0" applyNumberFormat="1" applyFont="1" applyFill="1" applyBorder="1" applyAlignment="1">
      <alignment horizontal="left" vertical="center" wrapText="1"/>
    </xf>
    <xf numFmtId="49" fontId="4" fillId="0" borderId="10" xfId="0" applyNumberFormat="1" applyFont="1" applyFill="1" applyBorder="1" applyAlignment="1">
      <alignment vertical="center" wrapText="1"/>
    </xf>
    <xf numFmtId="49" fontId="2" fillId="0" borderId="11" xfId="0" applyNumberFormat="1" applyFont="1" applyBorder="1" applyAlignment="1">
      <alignment horizontal="center" vertical="center"/>
    </xf>
    <xf numFmtId="49" fontId="4" fillId="0" borderId="20" xfId="0" applyNumberFormat="1" applyFont="1" applyFill="1" applyBorder="1" applyAlignment="1">
      <alignment vertical="center" wrapText="1"/>
    </xf>
    <xf numFmtId="0" fontId="4" fillId="0" borderId="10" xfId="0" applyFont="1" applyFill="1" applyBorder="1" applyAlignment="1">
      <alignment horizontal="left" vertical="center" wrapText="1"/>
    </xf>
    <xf numFmtId="0" fontId="2" fillId="0" borderId="6" xfId="0" applyFont="1" applyFill="1" applyBorder="1" applyAlignment="1">
      <alignment horizontal="justify" vertical="center"/>
    </xf>
    <xf numFmtId="0" fontId="2" fillId="0" borderId="6" xfId="0" applyFont="1" applyFill="1" applyBorder="1" applyAlignment="1">
      <alignment horizontal="justify" vertical="center" wrapText="1"/>
    </xf>
    <xf numFmtId="0" fontId="4" fillId="0" borderId="33" xfId="0" applyFont="1" applyFill="1" applyBorder="1" applyAlignment="1">
      <alignment horizontal="left" vertical="center" wrapText="1"/>
    </xf>
    <xf numFmtId="49" fontId="2" fillId="0" borderId="8" xfId="0" applyNumberFormat="1" applyFont="1" applyFill="1" applyBorder="1" applyAlignment="1">
      <alignment horizontal="right" vertical="center" wrapText="1"/>
    </xf>
    <xf numFmtId="49" fontId="2" fillId="2" borderId="36" xfId="0" applyNumberFormat="1" applyFont="1" applyFill="1" applyBorder="1" applyAlignment="1">
      <alignment horizontal="center" vertical="center" wrapText="1"/>
    </xf>
    <xf numFmtId="0" fontId="14" fillId="0" borderId="10" xfId="0" applyFont="1" applyBorder="1" applyAlignment="1">
      <alignment vertical="center" wrapText="1"/>
    </xf>
    <xf numFmtId="0" fontId="2" fillId="0" borderId="10" xfId="0" applyFont="1" applyBorder="1" applyAlignment="1">
      <alignment vertical="center" wrapText="1"/>
    </xf>
    <xf numFmtId="49" fontId="2" fillId="0" borderId="11"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0" fontId="2" fillId="0" borderId="23" xfId="0" applyFont="1" applyFill="1" applyBorder="1" applyAlignment="1">
      <alignment horizontal="left" vertical="center" wrapText="1"/>
    </xf>
    <xf numFmtId="3" fontId="13" fillId="0" borderId="10" xfId="0" applyNumberFormat="1" applyFont="1" applyFill="1" applyBorder="1" applyAlignment="1">
      <alignment horizontal="center" vertical="center" wrapText="1"/>
    </xf>
    <xf numFmtId="0" fontId="3" fillId="0" borderId="20"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3" fillId="2" borderId="32" xfId="0" applyNumberFormat="1" applyFont="1" applyFill="1" applyBorder="1" applyAlignment="1">
      <alignment horizontal="left" vertical="top" wrapText="1"/>
    </xf>
    <xf numFmtId="49" fontId="3" fillId="2" borderId="34" xfId="0" applyNumberFormat="1" applyFont="1" applyFill="1" applyBorder="1" applyAlignment="1">
      <alignment horizontal="left" vertical="top" wrapText="1"/>
    </xf>
    <xf numFmtId="49" fontId="3" fillId="2" borderId="35" xfId="0" applyNumberFormat="1" applyFont="1" applyFill="1" applyBorder="1" applyAlignment="1">
      <alignment horizontal="left" vertical="top" wrapText="1"/>
    </xf>
    <xf numFmtId="0" fontId="3" fillId="2" borderId="29" xfId="0" applyFont="1" applyFill="1" applyBorder="1" applyAlignment="1">
      <alignment horizontal="center" vertical="top" wrapText="1"/>
    </xf>
    <xf numFmtId="0" fontId="3" fillId="2" borderId="30" xfId="0" applyFont="1" applyFill="1" applyBorder="1" applyAlignment="1">
      <alignment horizontal="center" vertical="top" wrapText="1"/>
    </xf>
    <xf numFmtId="0" fontId="3" fillId="2" borderId="31" xfId="0" applyFont="1" applyFill="1" applyBorder="1" applyAlignment="1">
      <alignment horizontal="center" vertical="top" wrapText="1"/>
    </xf>
    <xf numFmtId="49" fontId="2" fillId="2" borderId="37" xfId="0" applyNumberFormat="1" applyFont="1" applyFill="1" applyBorder="1" applyAlignment="1">
      <alignment horizontal="center" vertical="center" wrapText="1"/>
    </xf>
    <xf numFmtId="49" fontId="2" fillId="2" borderId="38" xfId="0" applyNumberFormat="1" applyFont="1" applyFill="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4" fillId="0" borderId="0" xfId="0" applyFont="1" applyAlignment="1">
      <alignment horizontal="left" vertical="top"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4" fillId="0" borderId="0" xfId="0" applyNumberFormat="1"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2" fillId="0" borderId="7" xfId="0" applyFont="1" applyBorder="1" applyAlignment="1">
      <alignment horizontal="center"/>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0" fontId="2" fillId="0" borderId="0" xfId="0" applyFont="1" applyAlignment="1">
      <alignment horizontal="left"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119"/>
  <sheetViews>
    <sheetView showGridLines="0" tabSelected="1" topLeftCell="A7" zoomScaleNormal="100" workbookViewId="0">
      <selection activeCell="N15" sqref="N15"/>
    </sheetView>
  </sheetViews>
  <sheetFormatPr defaultRowHeight="12.75" x14ac:dyDescent="0.2"/>
  <cols>
    <col min="1" max="1" width="1.85546875" style="1" customWidth="1"/>
    <col min="2" max="2" width="13.5703125" style="1" customWidth="1"/>
    <col min="3" max="3" width="75.285156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92" t="s">
        <v>50</v>
      </c>
      <c r="C1" s="92"/>
      <c r="D1" s="92"/>
      <c r="E1" s="92"/>
      <c r="F1" s="92"/>
    </row>
    <row r="2" spans="2:6" ht="27.75" customHeight="1" x14ac:dyDescent="0.2">
      <c r="B2" s="91" t="s">
        <v>47</v>
      </c>
      <c r="C2" s="91"/>
      <c r="D2" s="91"/>
      <c r="E2" s="91"/>
      <c r="F2" s="91"/>
    </row>
    <row r="3" spans="2:6" ht="54.75" customHeight="1" x14ac:dyDescent="0.2">
      <c r="B3" s="108" t="s">
        <v>54</v>
      </c>
      <c r="C3" s="108"/>
      <c r="D3" s="108"/>
      <c r="E3" s="108"/>
      <c r="F3" s="108"/>
    </row>
    <row r="4" spans="2:6" ht="24.95" customHeight="1" x14ac:dyDescent="0.2">
      <c r="B4" s="40" t="s">
        <v>53</v>
      </c>
      <c r="C4" s="41"/>
      <c r="D4" s="37"/>
      <c r="E4" s="37"/>
      <c r="F4" s="37"/>
    </row>
    <row r="5" spans="2:6" ht="24.95" customHeight="1" x14ac:dyDescent="0.2">
      <c r="B5" s="40" t="s">
        <v>51</v>
      </c>
      <c r="C5" s="42"/>
      <c r="D5" s="37"/>
      <c r="E5" s="37"/>
      <c r="F5" s="37"/>
    </row>
    <row r="6" spans="2:6" ht="5.0999999999999996" customHeight="1" x14ac:dyDescent="0.2">
      <c r="B6" s="37"/>
      <c r="C6" s="37"/>
      <c r="D6" s="37"/>
      <c r="E6" s="37"/>
      <c r="F6" s="37"/>
    </row>
    <row r="7" spans="2:6" s="2" customFormat="1" ht="20.100000000000001" customHeight="1" x14ac:dyDescent="0.25">
      <c r="B7" s="79" t="s">
        <v>5</v>
      </c>
      <c r="C7" s="79"/>
      <c r="D7" s="79"/>
      <c r="E7" s="79"/>
      <c r="F7" s="79"/>
    </row>
    <row r="8" spans="2:6" s="2" customFormat="1" ht="20.100000000000001" customHeight="1" x14ac:dyDescent="0.25">
      <c r="B8" s="109" t="s">
        <v>9</v>
      </c>
      <c r="C8" s="109"/>
      <c r="D8" s="109"/>
      <c r="E8" s="109"/>
      <c r="F8" s="109"/>
    </row>
    <row r="9" spans="2:6" ht="24.95" customHeight="1" x14ac:dyDescent="0.2">
      <c r="B9" s="115" t="s">
        <v>126</v>
      </c>
      <c r="C9" s="115"/>
      <c r="D9" s="115"/>
      <c r="E9" s="111"/>
      <c r="F9" s="111"/>
    </row>
    <row r="10" spans="2:6" ht="4.5" customHeight="1" x14ac:dyDescent="0.2">
      <c r="B10" s="39"/>
      <c r="C10" s="39"/>
      <c r="D10" s="39"/>
      <c r="E10" s="39"/>
      <c r="F10" s="39"/>
    </row>
    <row r="11" spans="2:6" s="2" customFormat="1" ht="20.100000000000001" customHeight="1" x14ac:dyDescent="0.25">
      <c r="B11" s="110" t="s">
        <v>10</v>
      </c>
      <c r="C11" s="110"/>
      <c r="D11" s="110"/>
      <c r="E11" s="110"/>
      <c r="F11" s="110"/>
    </row>
    <row r="12" spans="2:6" s="2" customFormat="1" ht="20.100000000000001" customHeight="1" x14ac:dyDescent="0.25">
      <c r="B12" s="111" t="s">
        <v>92</v>
      </c>
      <c r="C12" s="111"/>
      <c r="D12" s="111"/>
      <c r="E12" s="43"/>
      <c r="F12" s="43"/>
    </row>
    <row r="13" spans="2:6" s="3" customFormat="1" ht="20.100000000000001" customHeight="1" x14ac:dyDescent="0.25">
      <c r="B13" s="111" t="s">
        <v>27</v>
      </c>
      <c r="C13" s="111"/>
      <c r="D13" s="111"/>
      <c r="E13" s="18"/>
      <c r="F13" s="19"/>
    </row>
    <row r="14" spans="2:6" ht="4.5" customHeight="1" x14ac:dyDescent="0.2">
      <c r="B14" s="44"/>
      <c r="C14" s="44"/>
      <c r="D14" s="44"/>
      <c r="E14" s="39"/>
      <c r="F14" s="39"/>
    </row>
    <row r="15" spans="2:6" ht="20.100000000000001" customHeight="1" x14ac:dyDescent="0.2">
      <c r="B15" s="38" t="s">
        <v>11</v>
      </c>
      <c r="C15" s="20"/>
      <c r="D15" s="20"/>
      <c r="E15" s="21"/>
      <c r="F15" s="21"/>
    </row>
    <row r="16" spans="2:6" s="3" customFormat="1" ht="24.95" customHeight="1" x14ac:dyDescent="0.25">
      <c r="B16" s="107" t="s">
        <v>69</v>
      </c>
      <c r="C16" s="107"/>
      <c r="D16" s="107"/>
      <c r="E16" s="18"/>
      <c r="F16" s="19"/>
    </row>
    <row r="17" spans="2:9" ht="5.0999999999999996" customHeight="1" x14ac:dyDescent="0.2">
      <c r="B17" s="133"/>
      <c r="C17" s="133"/>
      <c r="D17" s="133"/>
      <c r="F17" s="15"/>
    </row>
    <row r="18" spans="2:9" s="2" customFormat="1" ht="20.100000000000001" customHeight="1" x14ac:dyDescent="0.25">
      <c r="B18" s="79" t="s">
        <v>24</v>
      </c>
      <c r="C18" s="79"/>
      <c r="D18" s="79"/>
      <c r="E18" s="79"/>
      <c r="F18" s="79"/>
    </row>
    <row r="19" spans="2:9" ht="33.75" customHeight="1" x14ac:dyDescent="0.2">
      <c r="B19" s="115" t="s">
        <v>98</v>
      </c>
      <c r="C19" s="115"/>
      <c r="D19" s="115"/>
      <c r="E19" s="115"/>
      <c r="F19" s="115"/>
    </row>
    <row r="20" spans="2:9" ht="5.0999999999999996" customHeight="1" x14ac:dyDescent="0.2">
      <c r="B20" s="133"/>
      <c r="C20" s="133"/>
      <c r="D20" s="133"/>
      <c r="F20" s="15"/>
    </row>
    <row r="21" spans="2:9" s="2" customFormat="1" ht="20.100000000000001" customHeight="1" x14ac:dyDescent="0.25">
      <c r="B21" s="79" t="s">
        <v>25</v>
      </c>
      <c r="C21" s="79"/>
      <c r="D21" s="79"/>
      <c r="E21" s="79"/>
      <c r="F21" s="79"/>
    </row>
    <row r="22" spans="2:9" s="9" customFormat="1" ht="20.100000000000001" customHeight="1" x14ac:dyDescent="0.25">
      <c r="B22" s="120" t="s">
        <v>6</v>
      </c>
      <c r="C22" s="120"/>
      <c r="D22" s="120"/>
      <c r="E22" s="120"/>
      <c r="F22" s="120"/>
    </row>
    <row r="23" spans="2:9" s="9" customFormat="1" ht="20.100000000000001" customHeight="1" x14ac:dyDescent="0.25">
      <c r="B23" s="93" t="s">
        <v>18</v>
      </c>
      <c r="C23" s="94"/>
      <c r="D23" s="14"/>
      <c r="E23" s="14"/>
      <c r="F23" s="14"/>
    </row>
    <row r="24" spans="2:9" s="9" customFormat="1" ht="20.100000000000001" customHeight="1" x14ac:dyDescent="0.25">
      <c r="B24" s="13"/>
      <c r="C24" s="13" t="s">
        <v>22</v>
      </c>
      <c r="D24" s="14"/>
      <c r="E24" s="14"/>
      <c r="F24" s="14"/>
    </row>
    <row r="25" spans="2:9" s="9" customFormat="1" ht="20.100000000000001" customHeight="1" x14ac:dyDescent="0.25">
      <c r="B25" s="13"/>
      <c r="C25" s="13" t="s">
        <v>23</v>
      </c>
      <c r="D25" s="14"/>
      <c r="E25" s="14"/>
      <c r="F25" s="14"/>
    </row>
    <row r="26" spans="2:9" s="9" customFormat="1" ht="20.100000000000001" customHeight="1" x14ac:dyDescent="0.25">
      <c r="B26" s="93" t="s">
        <v>19</v>
      </c>
      <c r="C26" s="94"/>
      <c r="D26" s="14"/>
      <c r="E26" s="14"/>
      <c r="F26" s="14"/>
    </row>
    <row r="27" spans="2:9" s="9" customFormat="1" ht="31.5" customHeight="1" x14ac:dyDescent="0.25">
      <c r="B27" s="16" t="s">
        <v>20</v>
      </c>
      <c r="C27" s="121" t="s">
        <v>13</v>
      </c>
      <c r="D27" s="122"/>
      <c r="E27" s="17" t="s">
        <v>12</v>
      </c>
      <c r="F27" s="17" t="s">
        <v>14</v>
      </c>
    </row>
    <row r="28" spans="2:9" s="9" customFormat="1" ht="24.95" customHeight="1" x14ac:dyDescent="0.25">
      <c r="B28" s="45" t="s">
        <v>2</v>
      </c>
      <c r="C28" s="116" t="s">
        <v>98</v>
      </c>
      <c r="D28" s="117"/>
      <c r="E28" s="54" t="s">
        <v>1</v>
      </c>
      <c r="F28" s="71">
        <v>3600</v>
      </c>
      <c r="I28" s="53"/>
    </row>
    <row r="29" spans="2:9" s="9" customFormat="1" ht="4.5" customHeight="1" x14ac:dyDescent="0.25">
      <c r="B29" s="14"/>
      <c r="C29" s="14"/>
      <c r="D29" s="14"/>
      <c r="E29" s="14"/>
      <c r="F29" s="14"/>
    </row>
    <row r="30" spans="2:9" s="9" customFormat="1" ht="20.100000000000001" customHeight="1" x14ac:dyDescent="0.25">
      <c r="B30" s="93" t="s">
        <v>21</v>
      </c>
      <c r="C30" s="94"/>
      <c r="D30" s="14"/>
      <c r="E30" s="14"/>
      <c r="F30" s="14"/>
    </row>
    <row r="31" spans="2:9" s="9" customFormat="1" ht="20.100000000000001" customHeight="1" x14ac:dyDescent="0.2">
      <c r="B31" s="10"/>
      <c r="C31" s="9" t="s">
        <v>3</v>
      </c>
      <c r="D31" s="14"/>
      <c r="E31" s="14"/>
      <c r="F31" s="14"/>
    </row>
    <row r="32" spans="2:9" s="9" customFormat="1" ht="20.100000000000001" customHeight="1" x14ac:dyDescent="0.25">
      <c r="B32" s="13"/>
      <c r="C32" s="2" t="s">
        <v>4</v>
      </c>
      <c r="D32" s="14"/>
      <c r="E32" s="14"/>
      <c r="F32" s="14"/>
    </row>
    <row r="33" spans="2:7" ht="5.0999999999999996" customHeight="1" x14ac:dyDescent="0.2"/>
    <row r="34" spans="2:7" s="2" customFormat="1" ht="20.100000000000001" customHeight="1" x14ac:dyDescent="0.25">
      <c r="B34" s="79" t="s">
        <v>26</v>
      </c>
      <c r="C34" s="79"/>
      <c r="D34" s="79"/>
      <c r="E34" s="79"/>
      <c r="F34" s="79"/>
    </row>
    <row r="35" spans="2:7" s="2" customFormat="1" ht="5.0999999999999996" customHeight="1" thickBot="1" x14ac:dyDescent="0.3">
      <c r="B35" s="15"/>
      <c r="D35" s="6"/>
      <c r="E35" s="6"/>
      <c r="F35" s="6"/>
    </row>
    <row r="36" spans="2:7" s="3" customFormat="1" ht="93" customHeight="1" x14ac:dyDescent="0.25">
      <c r="B36" s="80" t="s">
        <v>0</v>
      </c>
      <c r="C36" s="81"/>
      <c r="D36" s="84" t="s">
        <v>28</v>
      </c>
      <c r="E36" s="85"/>
      <c r="F36" s="86"/>
      <c r="G36" s="22"/>
    </row>
    <row r="37" spans="2:7" s="3" customFormat="1" ht="30" customHeight="1" thickBot="1" x14ac:dyDescent="0.3">
      <c r="B37" s="82"/>
      <c r="C37" s="83"/>
      <c r="D37" s="23" t="s">
        <v>29</v>
      </c>
      <c r="E37" s="118" t="s">
        <v>30</v>
      </c>
      <c r="F37" s="119"/>
    </row>
    <row r="38" spans="2:7" s="24" customFormat="1" ht="30.75" customHeight="1" x14ac:dyDescent="0.25">
      <c r="B38" s="112" t="s">
        <v>108</v>
      </c>
      <c r="C38" s="113"/>
      <c r="D38" s="113"/>
      <c r="E38" s="113"/>
      <c r="F38" s="114"/>
    </row>
    <row r="39" spans="2:7" s="4" customFormat="1" ht="27.95" customHeight="1" x14ac:dyDescent="0.25">
      <c r="B39" s="51" t="s">
        <v>16</v>
      </c>
      <c r="C39" s="57" t="s">
        <v>99</v>
      </c>
      <c r="D39" s="46"/>
      <c r="E39" s="105"/>
      <c r="F39" s="106"/>
    </row>
    <row r="40" spans="2:7" s="4" customFormat="1" ht="27.95" customHeight="1" x14ac:dyDescent="0.25">
      <c r="B40" s="51" t="s">
        <v>59</v>
      </c>
      <c r="C40" s="57" t="s">
        <v>100</v>
      </c>
      <c r="D40" s="46"/>
      <c r="E40" s="134"/>
      <c r="F40" s="135"/>
    </row>
    <row r="41" spans="2:7" s="4" customFormat="1" ht="27.95" customHeight="1" x14ac:dyDescent="0.25">
      <c r="B41" s="51" t="s">
        <v>60</v>
      </c>
      <c r="C41" s="57" t="s">
        <v>101</v>
      </c>
      <c r="D41" s="46"/>
      <c r="E41" s="105"/>
      <c r="F41" s="106"/>
    </row>
    <row r="42" spans="2:7" s="4" customFormat="1" ht="27.95" customHeight="1" x14ac:dyDescent="0.25">
      <c r="B42" s="51" t="s">
        <v>61</v>
      </c>
      <c r="C42" s="57" t="s">
        <v>102</v>
      </c>
      <c r="D42" s="46"/>
      <c r="E42" s="105"/>
      <c r="F42" s="106"/>
    </row>
    <row r="43" spans="2:7" s="4" customFormat="1" ht="27.95" customHeight="1" x14ac:dyDescent="0.25">
      <c r="B43" s="51" t="s">
        <v>62</v>
      </c>
      <c r="C43" s="57" t="s">
        <v>103</v>
      </c>
      <c r="D43" s="46"/>
      <c r="E43" s="105"/>
      <c r="F43" s="106"/>
    </row>
    <row r="44" spans="2:7" s="4" customFormat="1" ht="27.95" customHeight="1" x14ac:dyDescent="0.25">
      <c r="B44" s="51" t="s">
        <v>63</v>
      </c>
      <c r="C44" s="57" t="s">
        <v>104</v>
      </c>
      <c r="D44" s="46"/>
      <c r="E44" s="105"/>
      <c r="F44" s="106"/>
    </row>
    <row r="45" spans="2:7" s="4" customFormat="1" ht="27.95" customHeight="1" x14ac:dyDescent="0.25">
      <c r="B45" s="51" t="s">
        <v>71</v>
      </c>
      <c r="C45" s="57" t="s">
        <v>105</v>
      </c>
      <c r="D45" s="46"/>
      <c r="E45" s="105"/>
      <c r="F45" s="106"/>
    </row>
    <row r="46" spans="2:7" s="4" customFormat="1" ht="27.95" customHeight="1" x14ac:dyDescent="0.25">
      <c r="B46" s="51" t="s">
        <v>64</v>
      </c>
      <c r="C46" s="57" t="s">
        <v>106</v>
      </c>
      <c r="D46" s="46"/>
      <c r="E46" s="105"/>
      <c r="F46" s="106"/>
    </row>
    <row r="47" spans="2:7" s="4" customFormat="1" ht="27.95" customHeight="1" thickBot="1" x14ac:dyDescent="0.3">
      <c r="B47" s="58" t="s">
        <v>65</v>
      </c>
      <c r="C47" s="59" t="s">
        <v>107</v>
      </c>
      <c r="D47" s="55"/>
      <c r="E47" s="131"/>
      <c r="F47" s="132"/>
    </row>
    <row r="48" spans="2:7" s="3" customFormat="1" ht="5.0999999999999996" customHeight="1" x14ac:dyDescent="0.25">
      <c r="B48" s="5"/>
      <c r="C48" s="5"/>
      <c r="D48" s="7"/>
      <c r="E48" s="7"/>
      <c r="F48" s="25"/>
    </row>
    <row r="49" spans="2:6" s="2" customFormat="1" ht="20.100000000000001" customHeight="1" x14ac:dyDescent="0.25">
      <c r="B49" s="79" t="s">
        <v>48</v>
      </c>
      <c r="C49" s="79"/>
      <c r="D49" s="79"/>
      <c r="E49" s="79"/>
      <c r="F49" s="79"/>
    </row>
    <row r="50" spans="2:6" s="2" customFormat="1" ht="5.0999999999999996" customHeight="1" thickBot="1" x14ac:dyDescent="0.3">
      <c r="B50" s="15"/>
      <c r="D50" s="6"/>
      <c r="E50" s="6"/>
      <c r="F50" s="6"/>
    </row>
    <row r="51" spans="2:6" s="3" customFormat="1" ht="69" customHeight="1" x14ac:dyDescent="0.25">
      <c r="B51" s="80" t="s">
        <v>8</v>
      </c>
      <c r="C51" s="97"/>
      <c r="D51" s="100" t="s">
        <v>31</v>
      </c>
      <c r="E51" s="101"/>
      <c r="F51" s="102"/>
    </row>
    <row r="52" spans="2:6" s="3" customFormat="1" ht="30" customHeight="1" x14ac:dyDescent="0.25">
      <c r="B52" s="98"/>
      <c r="C52" s="99"/>
      <c r="D52" s="65" t="s">
        <v>7</v>
      </c>
      <c r="E52" s="103" t="s">
        <v>32</v>
      </c>
      <c r="F52" s="104"/>
    </row>
    <row r="53" spans="2:6" s="2" customFormat="1" ht="38.25" x14ac:dyDescent="0.25">
      <c r="B53" s="52" t="s">
        <v>80</v>
      </c>
      <c r="C53" s="66" t="s">
        <v>109</v>
      </c>
      <c r="D53" s="46"/>
      <c r="E53" s="95"/>
      <c r="F53" s="96"/>
    </row>
    <row r="54" spans="2:6" s="2" customFormat="1" ht="38.25" x14ac:dyDescent="0.25">
      <c r="B54" s="52" t="s">
        <v>59</v>
      </c>
      <c r="C54" s="67" t="s">
        <v>110</v>
      </c>
      <c r="D54" s="46"/>
      <c r="E54" s="95"/>
      <c r="F54" s="96"/>
    </row>
    <row r="55" spans="2:6" s="2" customFormat="1" ht="24.95" customHeight="1" x14ac:dyDescent="0.25">
      <c r="B55" s="52" t="s">
        <v>60</v>
      </c>
      <c r="C55" s="67" t="s">
        <v>83</v>
      </c>
      <c r="D55" s="46" t="s">
        <v>82</v>
      </c>
      <c r="E55" s="95"/>
      <c r="F55" s="96"/>
    </row>
    <row r="56" spans="2:6" s="2" customFormat="1" ht="30" customHeight="1" x14ac:dyDescent="0.25">
      <c r="B56" s="64" t="s">
        <v>93</v>
      </c>
      <c r="C56" s="67" t="s">
        <v>111</v>
      </c>
      <c r="D56" s="46"/>
      <c r="E56" s="95"/>
      <c r="F56" s="96"/>
    </row>
    <row r="57" spans="2:6" s="2" customFormat="1" ht="30" customHeight="1" x14ac:dyDescent="0.25">
      <c r="B57" s="64" t="s">
        <v>94</v>
      </c>
      <c r="C57" s="67" t="s">
        <v>84</v>
      </c>
      <c r="D57" s="46"/>
      <c r="E57" s="95"/>
      <c r="F57" s="96"/>
    </row>
    <row r="58" spans="2:6" s="2" customFormat="1" ht="30" customHeight="1" x14ac:dyDescent="0.25">
      <c r="B58" s="64" t="s">
        <v>95</v>
      </c>
      <c r="C58" s="67" t="s">
        <v>85</v>
      </c>
      <c r="D58" s="46"/>
      <c r="E58" s="95"/>
      <c r="F58" s="96"/>
    </row>
    <row r="59" spans="2:6" s="2" customFormat="1" ht="40.5" customHeight="1" x14ac:dyDescent="0.25">
      <c r="B59" s="64" t="s">
        <v>96</v>
      </c>
      <c r="C59" s="60" t="s">
        <v>112</v>
      </c>
      <c r="D59" s="46"/>
      <c r="E59" s="95"/>
      <c r="F59" s="96"/>
    </row>
    <row r="60" spans="2:6" s="2" customFormat="1" ht="120.75" customHeight="1" x14ac:dyDescent="0.25">
      <c r="B60" s="64" t="s">
        <v>97</v>
      </c>
      <c r="C60" s="60" t="s">
        <v>124</v>
      </c>
      <c r="D60" s="46"/>
      <c r="E60" s="95"/>
      <c r="F60" s="96"/>
    </row>
    <row r="61" spans="2:6" s="2" customFormat="1" ht="120" customHeight="1" x14ac:dyDescent="0.25">
      <c r="B61" s="52" t="s">
        <v>61</v>
      </c>
      <c r="C61" s="60" t="s">
        <v>86</v>
      </c>
      <c r="D61" s="46"/>
      <c r="E61" s="73"/>
      <c r="F61" s="74"/>
    </row>
    <row r="62" spans="2:6" s="2" customFormat="1" ht="44.25" customHeight="1" x14ac:dyDescent="0.25">
      <c r="B62" s="52" t="s">
        <v>62</v>
      </c>
      <c r="C62" s="60" t="s">
        <v>113</v>
      </c>
      <c r="D62" s="46"/>
      <c r="E62" s="73"/>
      <c r="F62" s="74"/>
    </row>
    <row r="63" spans="2:6" s="2" customFormat="1" ht="89.25" customHeight="1" x14ac:dyDescent="0.25">
      <c r="B63" s="52" t="s">
        <v>63</v>
      </c>
      <c r="C63" s="60" t="s">
        <v>114</v>
      </c>
      <c r="D63" s="46"/>
      <c r="E63" s="73"/>
      <c r="F63" s="74"/>
    </row>
    <row r="64" spans="2:6" s="2" customFormat="1" ht="71.25" customHeight="1" x14ac:dyDescent="0.25">
      <c r="B64" s="52" t="s">
        <v>71</v>
      </c>
      <c r="C64" s="61" t="s">
        <v>87</v>
      </c>
      <c r="D64" s="46"/>
      <c r="E64" s="73"/>
      <c r="F64" s="74"/>
    </row>
    <row r="65" spans="2:7" s="2" customFormat="1" ht="228" customHeight="1" x14ac:dyDescent="0.25">
      <c r="B65" s="52" t="s">
        <v>64</v>
      </c>
      <c r="C65" s="62" t="s">
        <v>88</v>
      </c>
      <c r="D65" s="46"/>
      <c r="E65" s="73"/>
      <c r="F65" s="74"/>
    </row>
    <row r="66" spans="2:7" s="2" customFormat="1" ht="114.75" customHeight="1" x14ac:dyDescent="0.25">
      <c r="B66" s="52" t="s">
        <v>65</v>
      </c>
      <c r="C66" s="60" t="s">
        <v>115</v>
      </c>
      <c r="D66" s="46"/>
      <c r="E66" s="73"/>
      <c r="F66" s="74"/>
    </row>
    <row r="67" spans="2:7" s="2" customFormat="1" ht="51" x14ac:dyDescent="0.25">
      <c r="B67" s="64" t="s">
        <v>117</v>
      </c>
      <c r="C67" s="60" t="s">
        <v>116</v>
      </c>
      <c r="D67" s="46"/>
      <c r="E67" s="73"/>
      <c r="F67" s="74"/>
    </row>
    <row r="68" spans="2:7" s="2" customFormat="1" ht="92.25" customHeight="1" x14ac:dyDescent="0.25">
      <c r="B68" s="56" t="s">
        <v>66</v>
      </c>
      <c r="C68" s="60" t="s">
        <v>118</v>
      </c>
      <c r="D68" s="46"/>
      <c r="E68" s="73"/>
      <c r="F68" s="74"/>
    </row>
    <row r="69" spans="2:7" s="2" customFormat="1" ht="57.75" customHeight="1" x14ac:dyDescent="0.25">
      <c r="B69" s="52" t="s">
        <v>67</v>
      </c>
      <c r="C69" s="60" t="s">
        <v>119</v>
      </c>
      <c r="D69" s="46"/>
      <c r="E69" s="73"/>
      <c r="F69" s="74"/>
    </row>
    <row r="70" spans="2:7" s="2" customFormat="1" ht="69.75" customHeight="1" x14ac:dyDescent="0.25">
      <c r="B70" s="52" t="s">
        <v>72</v>
      </c>
      <c r="C70" s="60" t="s">
        <v>89</v>
      </c>
      <c r="D70" s="46"/>
      <c r="E70" s="73"/>
      <c r="F70" s="74"/>
    </row>
    <row r="71" spans="2:7" s="2" customFormat="1" ht="30" customHeight="1" x14ac:dyDescent="0.25">
      <c r="B71" s="52" t="s">
        <v>73</v>
      </c>
      <c r="C71" s="60" t="s">
        <v>120</v>
      </c>
      <c r="D71" s="46"/>
      <c r="E71" s="73"/>
      <c r="F71" s="74"/>
    </row>
    <row r="72" spans="2:7" s="2" customFormat="1" ht="40.5" customHeight="1" x14ac:dyDescent="0.25">
      <c r="B72" s="56" t="s">
        <v>68</v>
      </c>
      <c r="C72" s="60" t="s">
        <v>121</v>
      </c>
      <c r="D72" s="46"/>
      <c r="E72" s="73"/>
      <c r="F72" s="74"/>
    </row>
    <row r="73" spans="2:7" s="2" customFormat="1" ht="76.5" customHeight="1" x14ac:dyDescent="0.25">
      <c r="B73" s="52" t="s">
        <v>74</v>
      </c>
      <c r="C73" s="60" t="s">
        <v>125</v>
      </c>
      <c r="D73" s="46"/>
      <c r="E73" s="73"/>
      <c r="F73" s="74"/>
    </row>
    <row r="74" spans="2:7" s="2" customFormat="1" ht="69" customHeight="1" x14ac:dyDescent="0.25">
      <c r="B74" s="52" t="s">
        <v>75</v>
      </c>
      <c r="C74" s="60" t="s">
        <v>81</v>
      </c>
      <c r="D74" s="46"/>
      <c r="E74" s="73"/>
      <c r="F74" s="74"/>
    </row>
    <row r="75" spans="2:7" s="2" customFormat="1" ht="160.5" customHeight="1" x14ac:dyDescent="0.25">
      <c r="B75" s="52" t="s">
        <v>76</v>
      </c>
      <c r="C75" s="60" t="s">
        <v>122</v>
      </c>
      <c r="D75" s="46"/>
      <c r="E75" s="73"/>
      <c r="F75" s="74"/>
    </row>
    <row r="76" spans="2:7" s="2" customFormat="1" ht="83.25" customHeight="1" x14ac:dyDescent="0.25">
      <c r="B76" s="52" t="s">
        <v>77</v>
      </c>
      <c r="C76" s="63" t="s">
        <v>90</v>
      </c>
      <c r="D76" s="46"/>
      <c r="E76" s="73"/>
      <c r="F76" s="74"/>
    </row>
    <row r="77" spans="2:7" s="2" customFormat="1" ht="122.25" customHeight="1" x14ac:dyDescent="0.25">
      <c r="B77" s="52" t="s">
        <v>78</v>
      </c>
      <c r="C77" s="63" t="s">
        <v>91</v>
      </c>
      <c r="D77" s="46"/>
      <c r="E77" s="73"/>
      <c r="F77" s="74"/>
    </row>
    <row r="78" spans="2:7" s="2" customFormat="1" ht="102.75" thickBot="1" x14ac:dyDescent="0.3">
      <c r="B78" s="68" t="s">
        <v>79</v>
      </c>
      <c r="C78" s="69" t="s">
        <v>123</v>
      </c>
      <c r="D78" s="55"/>
      <c r="E78" s="75"/>
      <c r="F78" s="76"/>
    </row>
    <row r="79" spans="2:7" s="3" customFormat="1" ht="5.0999999999999996" customHeight="1" x14ac:dyDescent="0.25">
      <c r="B79" s="5"/>
      <c r="C79" s="5"/>
      <c r="D79" s="7"/>
      <c r="E79" s="7"/>
      <c r="F79" s="25"/>
      <c r="G79" s="2"/>
    </row>
    <row r="80" spans="2:7" s="2" customFormat="1" ht="20.100000000000001" customHeight="1" x14ac:dyDescent="0.25">
      <c r="B80" s="79" t="s">
        <v>55</v>
      </c>
      <c r="C80" s="79"/>
      <c r="D80" s="79"/>
      <c r="E80" s="79"/>
      <c r="F80" s="79"/>
    </row>
    <row r="81" spans="2:7" s="2" customFormat="1" ht="4.5" customHeight="1" thickBot="1" x14ac:dyDescent="0.3"/>
    <row r="82" spans="2:7" s="2" customFormat="1" ht="80.25" customHeight="1" x14ac:dyDescent="0.25">
      <c r="B82" s="80" t="s">
        <v>56</v>
      </c>
      <c r="C82" s="81"/>
      <c r="D82" s="84" t="s">
        <v>57</v>
      </c>
      <c r="E82" s="85"/>
      <c r="F82" s="86"/>
    </row>
    <row r="83" spans="2:7" s="3" customFormat="1" ht="29.25" customHeight="1" thickBot="1" x14ac:dyDescent="0.3">
      <c r="B83" s="82"/>
      <c r="C83" s="83"/>
      <c r="D83" s="23" t="s">
        <v>7</v>
      </c>
      <c r="E83" s="87" t="s">
        <v>32</v>
      </c>
      <c r="F83" s="88"/>
      <c r="G83" s="2"/>
    </row>
    <row r="84" spans="2:7" s="3" customFormat="1" ht="27" customHeight="1" x14ac:dyDescent="0.25">
      <c r="B84" s="47" t="s">
        <v>16</v>
      </c>
      <c r="C84" s="70" t="s">
        <v>70</v>
      </c>
      <c r="D84" s="48"/>
      <c r="E84" s="89"/>
      <c r="F84" s="90"/>
      <c r="G84" s="2"/>
    </row>
    <row r="85" spans="2:7" s="3" customFormat="1" ht="30.75" customHeight="1" thickBot="1" x14ac:dyDescent="0.3">
      <c r="B85" s="49" t="s">
        <v>59</v>
      </c>
      <c r="C85" s="72" t="s">
        <v>58</v>
      </c>
      <c r="D85" s="50"/>
      <c r="E85" s="77"/>
      <c r="F85" s="78"/>
      <c r="G85" s="2"/>
    </row>
    <row r="86" spans="2:7" s="2" customFormat="1" ht="5.0999999999999996" customHeight="1" x14ac:dyDescent="0.25">
      <c r="B86" s="5"/>
      <c r="C86" s="5"/>
      <c r="D86" s="7"/>
      <c r="E86" s="7"/>
      <c r="F86" s="25"/>
    </row>
    <row r="87" spans="2:7" s="2" customFormat="1" ht="20.100000000000001" customHeight="1" x14ac:dyDescent="0.25">
      <c r="B87" s="79" t="s">
        <v>15</v>
      </c>
      <c r="C87" s="79"/>
      <c r="D87" s="79"/>
      <c r="E87" s="79"/>
      <c r="F87" s="79"/>
    </row>
    <row r="88" spans="2:7" s="3" customFormat="1" ht="30" customHeight="1" x14ac:dyDescent="0.25">
      <c r="B88" s="5" t="s">
        <v>17</v>
      </c>
      <c r="C88" s="126" t="s">
        <v>49</v>
      </c>
      <c r="D88" s="126"/>
      <c r="E88" s="126"/>
      <c r="F88" s="126"/>
      <c r="G88" s="2"/>
    </row>
    <row r="89" spans="2:7" s="27" customFormat="1" ht="30" customHeight="1" x14ac:dyDescent="0.25">
      <c r="B89" s="5" t="s">
        <v>33</v>
      </c>
      <c r="C89" s="127" t="s">
        <v>34</v>
      </c>
      <c r="D89" s="127"/>
      <c r="E89" s="127"/>
      <c r="F89" s="127"/>
      <c r="G89" s="2"/>
    </row>
    <row r="90" spans="2:7" s="27" customFormat="1" ht="30" customHeight="1" x14ac:dyDescent="0.25">
      <c r="B90" s="128" t="s">
        <v>35</v>
      </c>
      <c r="C90" s="128"/>
      <c r="D90" s="128"/>
      <c r="E90" s="128"/>
      <c r="F90" s="3"/>
      <c r="G90" s="2"/>
    </row>
    <row r="91" spans="2:7" s="2" customFormat="1" ht="24.95" customHeight="1" x14ac:dyDescent="0.25">
      <c r="B91" s="26" t="s">
        <v>36</v>
      </c>
      <c r="C91" s="124"/>
      <c r="D91" s="124"/>
      <c r="F91" s="27"/>
    </row>
    <row r="92" spans="2:7" s="2" customFormat="1" ht="24.95" customHeight="1" x14ac:dyDescent="0.25">
      <c r="B92" s="26" t="s">
        <v>37</v>
      </c>
      <c r="C92" s="124"/>
      <c r="D92" s="124"/>
      <c r="F92" s="27"/>
    </row>
    <row r="93" spans="2:7" s="2" customFormat="1" ht="24.95" customHeight="1" x14ac:dyDescent="0.25">
      <c r="B93" s="26" t="s">
        <v>38</v>
      </c>
      <c r="C93" s="124"/>
      <c r="D93" s="124"/>
      <c r="F93" s="27"/>
    </row>
    <row r="94" spans="2:7" s="3" customFormat="1" ht="24.95" customHeight="1" x14ac:dyDescent="0.25">
      <c r="B94" s="26" t="s">
        <v>39</v>
      </c>
      <c r="C94" s="124"/>
      <c r="D94" s="124"/>
      <c r="E94" s="2"/>
      <c r="F94" s="28"/>
      <c r="G94" s="2"/>
    </row>
    <row r="95" spans="2:7" s="2" customFormat="1" ht="14.25" customHeight="1" x14ac:dyDescent="0.2">
      <c r="B95" s="11"/>
      <c r="C95" s="12"/>
      <c r="D95" s="12"/>
      <c r="F95" s="29"/>
    </row>
    <row r="96" spans="2:7" s="3" customFormat="1" ht="15" customHeight="1" x14ac:dyDescent="0.25">
      <c r="B96" s="129" t="s">
        <v>40</v>
      </c>
      <c r="C96" s="129"/>
      <c r="D96" s="129"/>
      <c r="E96" s="129"/>
      <c r="F96" s="129"/>
    </row>
    <row r="97" spans="2:6" s="2" customFormat="1" ht="36.75" customHeight="1" x14ac:dyDescent="0.25">
      <c r="B97" s="125" t="s">
        <v>52</v>
      </c>
      <c r="C97" s="125"/>
      <c r="D97" s="125"/>
      <c r="E97" s="125"/>
      <c r="F97" s="125"/>
    </row>
    <row r="98" spans="2:6" s="2" customFormat="1" ht="20.100000000000001" customHeight="1" x14ac:dyDescent="0.2">
      <c r="B98" s="1"/>
      <c r="C98" s="1"/>
      <c r="D98" s="8"/>
      <c r="E98" s="8"/>
    </row>
    <row r="99" spans="2:6" s="3" customFormat="1" ht="4.5" customHeight="1" x14ac:dyDescent="0.2">
      <c r="B99" s="1"/>
      <c r="C99" s="1"/>
      <c r="D99" s="8"/>
      <c r="E99" s="8"/>
      <c r="F99" s="2"/>
    </row>
    <row r="100" spans="2:6" s="3" customFormat="1" ht="20.100000000000001" customHeight="1" x14ac:dyDescent="0.25">
      <c r="B100" s="30" t="s">
        <v>41</v>
      </c>
      <c r="C100" s="31"/>
      <c r="D100" s="32" t="s">
        <v>42</v>
      </c>
      <c r="E100" s="130"/>
      <c r="F100" s="130"/>
    </row>
    <row r="101" spans="2:6" s="3" customFormat="1" ht="20.100000000000001" customHeight="1" x14ac:dyDescent="0.25">
      <c r="B101" s="33"/>
      <c r="C101" s="33"/>
      <c r="D101" s="33"/>
      <c r="E101" s="34"/>
      <c r="F101" s="34"/>
    </row>
    <row r="102" spans="2:6" ht="20.100000000000001" customHeight="1" x14ac:dyDescent="0.2">
      <c r="B102" s="30" t="s">
        <v>43</v>
      </c>
      <c r="C102" s="31"/>
      <c r="D102" s="35" t="s">
        <v>44</v>
      </c>
      <c r="E102" s="123"/>
      <c r="F102" s="123"/>
    </row>
    <row r="103" spans="2:6" s="2" customFormat="1" ht="20.100000000000001" customHeight="1" x14ac:dyDescent="0.2">
      <c r="B103" s="1"/>
      <c r="C103" s="1"/>
      <c r="D103" s="35" t="s">
        <v>45</v>
      </c>
      <c r="E103" s="124"/>
      <c r="F103" s="124"/>
    </row>
    <row r="104" spans="2:6" s="2" customFormat="1" ht="20.100000000000001" customHeight="1" x14ac:dyDescent="0.2">
      <c r="B104" s="1"/>
      <c r="C104" s="1"/>
      <c r="D104" s="36" t="s">
        <v>46</v>
      </c>
      <c r="E104" s="1"/>
    </row>
    <row r="105" spans="2:6" s="2" customFormat="1" ht="37.5" customHeight="1" x14ac:dyDescent="0.25"/>
    <row r="106" spans="2:6" s="2" customFormat="1" ht="24" customHeight="1" x14ac:dyDescent="0.25"/>
    <row r="107" spans="2:6" s="2" customFormat="1" ht="24" customHeight="1" x14ac:dyDescent="0.25"/>
    <row r="108" spans="2:6" s="2" customFormat="1" ht="24" customHeight="1" x14ac:dyDescent="0.25"/>
    <row r="109" spans="2:6" s="2" customFormat="1" ht="20.100000000000001" customHeight="1" x14ac:dyDescent="0.25"/>
    <row r="110" spans="2:6" s="2" customFormat="1" ht="20.100000000000001" customHeight="1" x14ac:dyDescent="0.25"/>
    <row r="111" spans="2:6" s="2" customFormat="1" ht="50.1" customHeight="1" x14ac:dyDescent="0.25"/>
    <row r="112" spans="2:6" s="2" customFormat="1" ht="43.5" customHeight="1" x14ac:dyDescent="0.25"/>
    <row r="113" spans="2:5" ht="24.75" customHeight="1" x14ac:dyDescent="0.2">
      <c r="B113" s="2"/>
      <c r="C113" s="2"/>
      <c r="D113" s="2"/>
      <c r="E113" s="2"/>
    </row>
    <row r="114" spans="2:5" x14ac:dyDescent="0.2">
      <c r="B114" s="2"/>
      <c r="C114" s="2"/>
      <c r="D114" s="2"/>
      <c r="E114" s="2"/>
    </row>
    <row r="115" spans="2:5" ht="20.100000000000001" customHeight="1" x14ac:dyDescent="0.2"/>
    <row r="116" spans="2:5" ht="4.5" customHeight="1" x14ac:dyDescent="0.2"/>
    <row r="117" spans="2:5" ht="20.100000000000001" customHeight="1" x14ac:dyDescent="0.2"/>
    <row r="118" spans="2:5" ht="20.100000000000001" customHeight="1" x14ac:dyDescent="0.2"/>
    <row r="119" spans="2:5" ht="20.100000000000001" customHeight="1" x14ac:dyDescent="0.2"/>
  </sheetData>
  <mergeCells count="85">
    <mergeCell ref="B19:F19"/>
    <mergeCell ref="B20:D20"/>
    <mergeCell ref="B17:D17"/>
    <mergeCell ref="B18:F18"/>
    <mergeCell ref="E69:F69"/>
    <mergeCell ref="E40:F40"/>
    <mergeCell ref="E41:F41"/>
    <mergeCell ref="E42:F42"/>
    <mergeCell ref="E43:F43"/>
    <mergeCell ref="E44:F44"/>
    <mergeCell ref="E53:F53"/>
    <mergeCell ref="E67:F67"/>
    <mergeCell ref="E57:F57"/>
    <mergeCell ref="E68:F68"/>
    <mergeCell ref="E58:F58"/>
    <mergeCell ref="E59:F59"/>
    <mergeCell ref="E47:F47"/>
    <mergeCell ref="E71:F71"/>
    <mergeCell ref="E72:F72"/>
    <mergeCell ref="E73:F73"/>
    <mergeCell ref="E74:F74"/>
    <mergeCell ref="E66:F66"/>
    <mergeCell ref="E65:F65"/>
    <mergeCell ref="E64:F64"/>
    <mergeCell ref="E63:F63"/>
    <mergeCell ref="E54:F54"/>
    <mergeCell ref="E60:F60"/>
    <mergeCell ref="E61:F61"/>
    <mergeCell ref="E62:F62"/>
    <mergeCell ref="E70:F70"/>
    <mergeCell ref="E102:F102"/>
    <mergeCell ref="E103:F103"/>
    <mergeCell ref="B97:F97"/>
    <mergeCell ref="B87:F87"/>
    <mergeCell ref="C88:F88"/>
    <mergeCell ref="C89:F89"/>
    <mergeCell ref="B90:E90"/>
    <mergeCell ref="B96:F96"/>
    <mergeCell ref="C91:D91"/>
    <mergeCell ref="C92:D92"/>
    <mergeCell ref="C93:D93"/>
    <mergeCell ref="C94:D94"/>
    <mergeCell ref="E100:F100"/>
    <mergeCell ref="B8:F8"/>
    <mergeCell ref="B11:F11"/>
    <mergeCell ref="B12:D12"/>
    <mergeCell ref="B38:F38"/>
    <mergeCell ref="E39:F39"/>
    <mergeCell ref="B13:D13"/>
    <mergeCell ref="B34:F34"/>
    <mergeCell ref="B36:C37"/>
    <mergeCell ref="B9:D9"/>
    <mergeCell ref="E9:F9"/>
    <mergeCell ref="C28:D28"/>
    <mergeCell ref="D36:F36"/>
    <mergeCell ref="E37:F37"/>
    <mergeCell ref="B22:F22"/>
    <mergeCell ref="C27:D27"/>
    <mergeCell ref="B30:C30"/>
    <mergeCell ref="B2:F2"/>
    <mergeCell ref="B1:F1"/>
    <mergeCell ref="B23:C23"/>
    <mergeCell ref="B26:C26"/>
    <mergeCell ref="E56:F56"/>
    <mergeCell ref="E55:F55"/>
    <mergeCell ref="B49:F49"/>
    <mergeCell ref="B51:C52"/>
    <mergeCell ref="D51:F51"/>
    <mergeCell ref="E52:F52"/>
    <mergeCell ref="E45:F45"/>
    <mergeCell ref="B21:F21"/>
    <mergeCell ref="B16:D16"/>
    <mergeCell ref="B3:F3"/>
    <mergeCell ref="B7:F7"/>
    <mergeCell ref="E46:F46"/>
    <mergeCell ref="E75:F75"/>
    <mergeCell ref="E76:F76"/>
    <mergeCell ref="E77:F77"/>
    <mergeCell ref="E78:F78"/>
    <mergeCell ref="E85:F85"/>
    <mergeCell ref="B80:F80"/>
    <mergeCell ref="B82:C83"/>
    <mergeCell ref="D82:F82"/>
    <mergeCell ref="E83:F83"/>
    <mergeCell ref="E84:F84"/>
  </mergeCells>
  <conditionalFormatting sqref="D45 D62:D64 D40 D66:D78">
    <cfRule type="containsBlanks" dxfId="20" priority="117">
      <formula>LEN(TRIM(D40))=0</formula>
    </cfRule>
  </conditionalFormatting>
  <conditionalFormatting sqref="E102:F102">
    <cfRule type="containsBlanks" dxfId="19" priority="116">
      <formula>LEN(TRIM(E102))=0</formula>
    </cfRule>
  </conditionalFormatting>
  <conditionalFormatting sqref="C100">
    <cfRule type="containsBlanks" dxfId="18" priority="114">
      <formula>LEN(TRIM(C100))=0</formula>
    </cfRule>
  </conditionalFormatting>
  <conditionalFormatting sqref="E103:F103">
    <cfRule type="containsBlanks" dxfId="17" priority="115">
      <formula>LEN(TRIM(E103))=0</formula>
    </cfRule>
  </conditionalFormatting>
  <conditionalFormatting sqref="C102">
    <cfRule type="containsBlanks" dxfId="16" priority="113">
      <formula>LEN(TRIM(C102))=0</formula>
    </cfRule>
  </conditionalFormatting>
  <conditionalFormatting sqref="C4:C5">
    <cfRule type="containsBlanks" dxfId="15" priority="112">
      <formula>LEN(TRIM(C4))=0</formula>
    </cfRule>
  </conditionalFormatting>
  <conditionalFormatting sqref="D39">
    <cfRule type="containsBlanks" dxfId="14" priority="111">
      <formula>LEN(TRIM(D39))=0</formula>
    </cfRule>
  </conditionalFormatting>
  <conditionalFormatting sqref="D84">
    <cfRule type="containsBlanks" dxfId="13" priority="106">
      <formula>LEN(TRIM(D84))=0</formula>
    </cfRule>
  </conditionalFormatting>
  <conditionalFormatting sqref="C93:D93">
    <cfRule type="containsBlanks" dxfId="12" priority="102">
      <formula>LEN(TRIM(C93))=0</formula>
    </cfRule>
  </conditionalFormatting>
  <conditionalFormatting sqref="D42">
    <cfRule type="containsBlanks" dxfId="11" priority="87">
      <formula>LEN(TRIM(D42))=0</formula>
    </cfRule>
  </conditionalFormatting>
  <conditionalFormatting sqref="D43">
    <cfRule type="containsBlanks" dxfId="10" priority="86">
      <formula>LEN(TRIM(D43))=0</formula>
    </cfRule>
  </conditionalFormatting>
  <conditionalFormatting sqref="D44">
    <cfRule type="containsBlanks" dxfId="9" priority="85">
      <formula>LEN(TRIM(D44))=0</formula>
    </cfRule>
  </conditionalFormatting>
  <conditionalFormatting sqref="D41">
    <cfRule type="containsBlanks" dxfId="8" priority="83">
      <formula>LEN(TRIM(D41))=0</formula>
    </cfRule>
  </conditionalFormatting>
  <conditionalFormatting sqref="D46">
    <cfRule type="containsBlanks" dxfId="7" priority="82">
      <formula>LEN(TRIM(D46))=0</formula>
    </cfRule>
  </conditionalFormatting>
  <conditionalFormatting sqref="D47">
    <cfRule type="containsBlanks" dxfId="6" priority="80">
      <formula>LEN(TRIM(D47))=0</formula>
    </cfRule>
  </conditionalFormatting>
  <conditionalFormatting sqref="C92:D92">
    <cfRule type="containsBlanks" dxfId="5" priority="53">
      <formula>LEN(TRIM(C92))=0</formula>
    </cfRule>
  </conditionalFormatting>
  <conditionalFormatting sqref="C91:D91">
    <cfRule type="containsBlanks" dxfId="4" priority="52">
      <formula>LEN(TRIM(C91))=0</formula>
    </cfRule>
  </conditionalFormatting>
  <conditionalFormatting sqref="C94:D94">
    <cfRule type="containsBlanks" dxfId="3" priority="51">
      <formula>LEN(TRIM(C94))=0</formula>
    </cfRule>
  </conditionalFormatting>
  <conditionalFormatting sqref="D53:D61">
    <cfRule type="containsBlanks" dxfId="2" priority="46">
      <formula>LEN(TRIM(D53))=0</formula>
    </cfRule>
  </conditionalFormatting>
  <conditionalFormatting sqref="D85">
    <cfRule type="containsBlanks" dxfId="1" priority="44">
      <formula>LEN(TRIM(D85))=0</formula>
    </cfRule>
  </conditionalFormatting>
  <conditionalFormatting sqref="D65">
    <cfRule type="containsBlanks" dxfId="0" priority="43">
      <formula>LEN(TRIM(D65))=0</formula>
    </cfRule>
  </conditionalFormatting>
  <printOptions horizontalCentered="1"/>
  <pageMargins left="0.70866141732283472" right="0.70866141732283472" top="0.9055118110236221" bottom="0.74803149606299213" header="0.31496062992125984" footer="0.31496062992125984"/>
  <pageSetup paperSize="9" scale="62"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47" min="1" max="5" man="1"/>
    <brk id="67" min="1" max="5" man="1"/>
    <brk id="85"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2-04-11T12:38:12Z</cp:lastPrinted>
  <dcterms:created xsi:type="dcterms:W3CDTF">2017-04-21T05:51:15Z</dcterms:created>
  <dcterms:modified xsi:type="dcterms:W3CDTF">2022-04-12T08:17:32Z</dcterms:modified>
</cp:coreProperties>
</file>